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60" r:id="rId2"/>
    <p:sldId id="531" r:id="rId3"/>
    <p:sldId id="546" r:id="rId4"/>
    <p:sldId id="547" r:id="rId5"/>
    <p:sldId id="533" r:id="rId6"/>
    <p:sldId id="530" r:id="rId7"/>
    <p:sldId id="534" r:id="rId8"/>
    <p:sldId id="532" r:id="rId9"/>
    <p:sldId id="537" r:id="rId10"/>
    <p:sldId id="536" r:id="rId11"/>
    <p:sldId id="535" r:id="rId12"/>
    <p:sldId id="538" r:id="rId13"/>
    <p:sldId id="540" r:id="rId14"/>
    <p:sldId id="541" r:id="rId15"/>
    <p:sldId id="542" r:id="rId16"/>
    <p:sldId id="539" r:id="rId17"/>
    <p:sldId id="544" r:id="rId18"/>
    <p:sldId id="543" r:id="rId19"/>
    <p:sldId id="545" r:id="rId20"/>
    <p:sldId id="529" r:id="rId21"/>
  </p:sldIdLst>
  <p:sldSz cx="12188825" cy="6858000"/>
  <p:notesSz cx="7010400" cy="9296400"/>
  <p:embeddedFontLst>
    <p:embeddedFont>
      <p:font typeface="AU Passata" panose="020B0503030502030804" pitchFamily="34" charset="0"/>
      <p:regular r:id="rId24"/>
      <p:bold r:id="rId25"/>
    </p:embeddedFont>
    <p:embeddedFont>
      <p:font typeface="AU Passata Light" panose="020B0303030902030804" pitchFamily="34" charset="0"/>
      <p:regular r:id="rId26"/>
      <p:bold r:id="rId27"/>
    </p:embeddedFont>
    <p:embeddedFont>
      <p:font typeface="AU Peto" panose="040C0B07020602020301" pitchFamily="82" charset="0"/>
      <p:regular r:id="rId28"/>
      <p:bold r:id="rId29"/>
    </p:embeddedFont>
    <p:embeddedFont>
      <p:font typeface="Georgia" panose="02040502050405020303" pitchFamily="18" charset="0"/>
      <p:regular r:id="rId30"/>
      <p:bold r:id="rId31"/>
      <p:italic r:id="rId32"/>
      <p:boldItalic r:id="rId3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9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50490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389" autoAdjust="0"/>
    <p:restoredTop sz="93457" autoAdjust="0"/>
  </p:normalViewPr>
  <p:slideViewPr>
    <p:cSldViewPr snapToObjects="1" showGuides="1">
      <p:cViewPr varScale="1">
        <p:scale>
          <a:sx n="124" d="100"/>
          <a:sy n="124" d="100"/>
        </p:scale>
        <p:origin x="63" y="171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929"/>
        <p:guide pos="220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21" Type="http://schemas.openxmlformats.org/officeDocument/2006/relationships/slide" Target="slides/slide20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6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viewProps" Target="view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4425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041" y="4415790"/>
            <a:ext cx="5608320" cy="4183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0623133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865577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380503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TBML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UGUST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UGUST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TBML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6/11/2024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39.jpe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44.png"/><Relationship Id="rId5" Type="http://schemas.openxmlformats.org/officeDocument/2006/relationships/image" Target="../media/image43.png"/><Relationship Id="rId4" Type="http://schemas.openxmlformats.org/officeDocument/2006/relationships/image" Target="../media/image4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48.png"/><Relationship Id="rId5" Type="http://schemas.openxmlformats.org/officeDocument/2006/relationships/image" Target="../media/image47.png"/><Relationship Id="rId4" Type="http://schemas.openxmlformats.org/officeDocument/2006/relationships/image" Target="../media/image4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52.png"/><Relationship Id="rId5" Type="http://schemas.openxmlformats.org/officeDocument/2006/relationships/image" Target="../media/image51.png"/><Relationship Id="rId4" Type="http://schemas.openxmlformats.org/officeDocument/2006/relationships/image" Target="../media/image5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7" Type="http://schemas.openxmlformats.org/officeDocument/2006/relationships/image" Target="../media/image5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56.png"/><Relationship Id="rId5" Type="http://schemas.openxmlformats.org/officeDocument/2006/relationships/image" Target="../media/image55.png"/><Relationship Id="rId4" Type="http://schemas.openxmlformats.org/officeDocument/2006/relationships/image" Target="../media/image54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64.png"/><Relationship Id="rId3" Type="http://schemas.openxmlformats.org/officeDocument/2006/relationships/image" Target="../media/image59.png"/><Relationship Id="rId7" Type="http://schemas.openxmlformats.org/officeDocument/2006/relationships/image" Target="../media/image6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62.png"/><Relationship Id="rId5" Type="http://schemas.openxmlformats.org/officeDocument/2006/relationships/image" Target="../media/image61.png"/><Relationship Id="rId4" Type="http://schemas.openxmlformats.org/officeDocument/2006/relationships/image" Target="../media/image6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7" Type="http://schemas.openxmlformats.org/officeDocument/2006/relationships/image" Target="../media/image6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68.png"/><Relationship Id="rId5" Type="http://schemas.openxmlformats.org/officeDocument/2006/relationships/image" Target="../media/image67.png"/><Relationship Id="rId4" Type="http://schemas.openxmlformats.org/officeDocument/2006/relationships/image" Target="../media/image66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75.png"/><Relationship Id="rId3" Type="http://schemas.openxmlformats.org/officeDocument/2006/relationships/image" Target="../media/image70.png"/><Relationship Id="rId7" Type="http://schemas.openxmlformats.org/officeDocument/2006/relationships/image" Target="../media/image7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73.png"/><Relationship Id="rId5" Type="http://schemas.openxmlformats.org/officeDocument/2006/relationships/image" Target="../media/image72.png"/><Relationship Id="rId4" Type="http://schemas.openxmlformats.org/officeDocument/2006/relationships/image" Target="../media/image7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video" Target="../media/media1.mp4"/><Relationship Id="rId2" Type="http://schemas.microsoft.com/office/2007/relationships/media" Target="../media/media1.mp4"/><Relationship Id="rId1" Type="http://schemas.openxmlformats.org/officeDocument/2006/relationships/tags" Target="../tags/tag3.xml"/><Relationship Id="rId5" Type="http://schemas.openxmlformats.org/officeDocument/2006/relationships/image" Target="../media/image12.png"/><Relationship Id="rId4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jpeg"/><Relationship Id="rId3" Type="http://schemas.openxmlformats.org/officeDocument/2006/relationships/image" Target="../media/image21.png"/><Relationship Id="rId7" Type="http://schemas.openxmlformats.org/officeDocument/2006/relationships/image" Target="../media/image25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4.emf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7" Type="http://schemas.openxmlformats.org/officeDocument/2006/relationships/image" Target="../media/image31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30.emf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35.png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9756" y="1196752"/>
            <a:ext cx="4848626" cy="2727352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38450" y="3501008"/>
            <a:ext cx="4840625" cy="272285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223216" y="228627"/>
            <a:ext cx="5096654" cy="2866868"/>
          </a:xfrm>
          <a:prstGeom prst="rect">
            <a:avLst/>
          </a:prstGeom>
        </p:spPr>
      </p:pic>
      <p:pic>
        <p:nvPicPr>
          <p:cNvPr id="7" name="Picture 4" descr="Related image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0725"/>
          <a:stretch/>
        </p:blipFill>
        <p:spPr bwMode="auto">
          <a:xfrm>
            <a:off x="0" y="4166032"/>
            <a:ext cx="5976664" cy="1656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099256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3199" y="2300287"/>
            <a:ext cx="11782425" cy="22574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5439240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0023" y="1149604"/>
            <a:ext cx="3924244" cy="220738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966620" y="476672"/>
            <a:ext cx="3752826" cy="531530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94212" y="4077072"/>
            <a:ext cx="3480473" cy="1957766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51"/>
          <a:stretch/>
        </p:blipFill>
        <p:spPr>
          <a:xfrm>
            <a:off x="621804" y="3451294"/>
            <a:ext cx="3672408" cy="27263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4443082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820" y="1239482"/>
            <a:ext cx="4072540" cy="229080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3684304"/>
            <a:ext cx="4020096" cy="226130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82344" y="993209"/>
            <a:ext cx="4608512" cy="2592289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563968" y="3684304"/>
            <a:ext cx="4392488" cy="24707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713952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7828" y="1218434"/>
            <a:ext cx="4569964" cy="25706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14635" y="1181612"/>
            <a:ext cx="4352485" cy="244827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886500" y="3717032"/>
            <a:ext cx="4224471" cy="2376264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49796" y="3988687"/>
            <a:ext cx="5590955" cy="20162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464267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1311" y="1178476"/>
            <a:ext cx="4176464" cy="234926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4305" y="3573016"/>
            <a:ext cx="4265971" cy="2399609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5"/>
          <a:srcRect r="10691"/>
          <a:stretch/>
        </p:blipFill>
        <p:spPr>
          <a:xfrm>
            <a:off x="6471202" y="3356992"/>
            <a:ext cx="4609011" cy="2902921"/>
          </a:xfrm>
          <a:prstGeom prst="rect">
            <a:avLst/>
          </a:prstGeom>
        </p:spPr>
      </p:pic>
      <p:pic>
        <p:nvPicPr>
          <p:cNvPr id="8" name="Picture 2" descr="CLEVER adversarial attack Figure 1">
            <a:extLst>
              <a:ext uri="{FF2B5EF4-FFF2-40B4-BE49-F238E27FC236}">
                <a16:creationId xmlns:a16="http://schemas.microsoft.com/office/drawing/2014/main" id="{3B3E5060-C285-4C39-B9B9-EC6314487E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38428" y="620688"/>
            <a:ext cx="4484548" cy="25062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2" descr="Image result for generative adversarial networks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70276" y="4221088"/>
            <a:ext cx="3168352" cy="13817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315222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0899" y="2243137"/>
            <a:ext cx="10487025" cy="23717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6895222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3983" y="1196752"/>
            <a:ext cx="4736526" cy="2664296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90556" y="94078"/>
            <a:ext cx="3624494" cy="203877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84996" y="2132856"/>
            <a:ext cx="3702062" cy="208241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51772" y="4221088"/>
            <a:ext cx="3702062" cy="208241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93812" y="4005064"/>
            <a:ext cx="3432467" cy="1930763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8"/>
          <a:srcRect r="16314"/>
          <a:stretch/>
        </p:blipFill>
        <p:spPr>
          <a:xfrm>
            <a:off x="4438229" y="4206803"/>
            <a:ext cx="2736304" cy="18593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2712768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5781" y="1268761"/>
            <a:ext cx="4320479" cy="24302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5781" y="3801284"/>
            <a:ext cx="4248471" cy="238976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70276" y="1250733"/>
            <a:ext cx="3192441" cy="1795748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98668" y="1268761"/>
            <a:ext cx="3336457" cy="187675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962310" y="3425519"/>
            <a:ext cx="4872715" cy="274090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5814017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1765" y="1196753"/>
            <a:ext cx="4320480" cy="243027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3508" y="3804491"/>
            <a:ext cx="3888431" cy="2187242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45682" y="476589"/>
            <a:ext cx="4456583" cy="250682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712597" y="1196753"/>
            <a:ext cx="2304256" cy="245655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221954" y="4137619"/>
            <a:ext cx="3328370" cy="1872208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690339" y="3204710"/>
            <a:ext cx="4402914" cy="24766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859215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5" name="Titel 1"/>
          <p:cNvSpPr>
            <a:spLocks noGrp="1"/>
          </p:cNvSpPr>
          <p:nvPr>
            <p:ph type="ctrTitle"/>
          </p:nvPr>
        </p:nvSpPr>
        <p:spPr>
          <a:xfrm>
            <a:off x="1377888" y="2420888"/>
            <a:ext cx="9433048" cy="2742289"/>
          </a:xfrm>
        </p:spPr>
        <p:txBody>
          <a:bodyPr/>
          <a:lstStyle/>
          <a:p>
            <a:pPr algn="ctr"/>
            <a:r>
              <a:rPr lang="en-US" altLang="en-US" dirty="0">
                <a:latin typeface="+mj-lt"/>
              </a:rPr>
              <a:t>EXAM FORMAT</a:t>
            </a:r>
            <a:br>
              <a:rPr lang="en-US" altLang="en-US" dirty="0">
                <a:latin typeface="+mj-lt"/>
              </a:rPr>
            </a:br>
            <a:r>
              <a:rPr lang="en-US" altLang="en-US" sz="1800" dirty="0">
                <a:latin typeface="+mj-lt"/>
              </a:rPr>
              <a:t>and</a:t>
            </a:r>
            <a:br>
              <a:rPr lang="en-US" altLang="en-US" dirty="0">
                <a:latin typeface="+mj-lt"/>
              </a:rPr>
            </a:br>
            <a:r>
              <a:rPr lang="en-US" altLang="en-US" dirty="0">
                <a:latin typeface="+mj-lt"/>
              </a:rPr>
              <a:t>OUTLINE OF </a:t>
            </a:r>
            <a:br>
              <a:rPr lang="en-US" altLang="en-US" dirty="0">
                <a:latin typeface="+mj-lt"/>
              </a:rPr>
            </a:br>
            <a:r>
              <a:rPr lang="en-US" altLang="en-US" dirty="0">
                <a:latin typeface="+mj-lt"/>
              </a:rPr>
              <a:t>COURSE CONTENT</a:t>
            </a:r>
            <a:endParaRPr lang="en-GB" b="0" dirty="0">
              <a:latin typeface="+mj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78541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952481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ENSOR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197868" y="5227564"/>
            <a:ext cx="10729192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400" b="1" dirty="0"/>
              <a:t>Carsten </a:t>
            </a:r>
            <a:r>
              <a:rPr lang="da-DK" sz="1400" b="1" dirty="0" err="1"/>
              <a:t>Eie</a:t>
            </a:r>
            <a:r>
              <a:rPr lang="da-DK" sz="1400" b="1" dirty="0"/>
              <a:t> Frigaard: </a:t>
            </a:r>
            <a:r>
              <a:rPr lang="da-DK" sz="1400" dirty="0"/>
              <a:t>https://pure.au.dk/portal/da/persons/carsten-eie-frigaard(38dc5072-5d5d-4bc0-9ddb-550674b8c14f).html</a:t>
            </a:r>
          </a:p>
        </p:txBody>
      </p:sp>
      <p:pic>
        <p:nvPicPr>
          <p:cNvPr id="8" name="videoplayback">
            <a:hlinkClick r:id="" action="ppaction://media"/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4078188" y="1268760"/>
            <a:ext cx="4442024" cy="333151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140777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7430" fill="hold"/>
                                        <p:tgtEl>
                                          <p:spTgt spid="8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11" fill="hold" display="0">
                  <p:stCondLst>
                    <p:cond delay="indefinite"/>
                  </p:stCondLst>
                </p:cTn>
                <p:tgtEl>
                  <p:spTgt spid="8"/>
                </p:tgtEl>
              </p:cMediaNode>
            </p:video>
          </p:childTnLst>
        </p:cTn>
      </p:par>
    </p:tnLst>
    <p:bldLst>
      <p:bldP spid="5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AM </a:t>
            </a:r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0527" y="1196752"/>
            <a:ext cx="10851386" cy="4521366"/>
          </a:xfrm>
        </p:spPr>
        <p:txBody>
          <a:bodyPr/>
          <a:lstStyle/>
          <a:p>
            <a:r>
              <a:rPr lang="en-US" sz="1600" b="1" dirty="0"/>
              <a:t>Format: </a:t>
            </a:r>
            <a:r>
              <a:rPr lang="en-US" sz="1600" dirty="0"/>
              <a:t>~20min pitch as a group + ~30min questions as a group. </a:t>
            </a:r>
          </a:p>
          <a:p>
            <a:r>
              <a:rPr lang="en-US" sz="1600" dirty="0"/>
              <a:t>Grade based on group pitch and individual questions.</a:t>
            </a:r>
          </a:p>
          <a:p>
            <a:endParaRPr lang="en-US" sz="800" dirty="0"/>
          </a:p>
          <a:p>
            <a:r>
              <a:rPr lang="en-US" sz="1600" b="1" dirty="0"/>
              <a:t>Pitch: </a:t>
            </a:r>
          </a:p>
          <a:p>
            <a:r>
              <a:rPr lang="en-US" sz="1600" dirty="0"/>
              <a:t>Builds on previous two pitches, but starts from the beginning.</a:t>
            </a:r>
          </a:p>
          <a:p>
            <a:r>
              <a:rPr lang="en-US" sz="1600" dirty="0"/>
              <a:t>Tell a coherent story, with motivation for each step.</a:t>
            </a:r>
          </a:p>
          <a:p>
            <a:r>
              <a:rPr lang="en-US" sz="1600" dirty="0"/>
              <a:t>Introduction and background, why is it interesting, what are the perspectives?</a:t>
            </a:r>
          </a:p>
          <a:p>
            <a:r>
              <a:rPr lang="en-US" sz="1600" dirty="0"/>
              <a:t>End-2-End machine learning project, as many steps as relevant.</a:t>
            </a:r>
          </a:p>
          <a:p>
            <a:r>
              <a:rPr lang="en-US" sz="1600" dirty="0"/>
              <a:t>What did you do, and why? Motivate choices, e.g. “we observed ‘this’ when we tried ‘that’, so then we tried ‘this’ because we hypothesized ‘that’..”</a:t>
            </a:r>
          </a:p>
          <a:p>
            <a:r>
              <a:rPr lang="en-US" sz="1600" dirty="0"/>
              <a:t>Results and perspectives – what could you do in the future, what could you have done instead.</a:t>
            </a:r>
          </a:p>
          <a:p>
            <a:endParaRPr lang="en-US" sz="1000" b="1" dirty="0"/>
          </a:p>
          <a:p>
            <a:r>
              <a:rPr lang="en-US" sz="1600" b="1" dirty="0"/>
              <a:t>Questions:</a:t>
            </a:r>
          </a:p>
          <a:p>
            <a:r>
              <a:rPr lang="en-US" sz="1600" dirty="0"/>
              <a:t>Initially open questions about the project, you decide who answers – if each of you don’t answer roughly the same number of questions we will point out who we want to answer.</a:t>
            </a:r>
          </a:p>
          <a:p>
            <a:r>
              <a:rPr lang="en-US" sz="1600" dirty="0"/>
              <a:t>Questions about other parts of the course that have not been covered already.</a:t>
            </a:r>
          </a:p>
          <a:p>
            <a:endParaRPr lang="en-US" sz="1600" b="1" dirty="0"/>
          </a:p>
          <a:p>
            <a:endParaRPr lang="en-US" sz="1600" dirty="0"/>
          </a:p>
        </p:txBody>
      </p:sp>
      <p:sp>
        <p:nvSpPr>
          <p:cNvPr id="2" name="TextBox 1"/>
          <p:cNvSpPr txBox="1"/>
          <p:nvPr/>
        </p:nvSpPr>
        <p:spPr>
          <a:xfrm flipH="1">
            <a:off x="7822602" y="476672"/>
            <a:ext cx="3888434" cy="18712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>
                <a:latin typeface="+mn-lt"/>
              </a:rPr>
              <a:t>Deliverables: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Email me presentation/pitch slides and if possible code (not data unless small) before the exam.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Optional: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Email me written text to prepare examiner/censor a week before exam.</a:t>
            </a:r>
            <a:endParaRPr lang="da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147185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1363282"/>
            <a:ext cx="10282821" cy="549471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7748" y="1174269"/>
            <a:ext cx="1368152" cy="501437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599645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/>
          <a:srcRect t="40564"/>
          <a:stretch/>
        </p:blipFill>
        <p:spPr>
          <a:xfrm>
            <a:off x="261764" y="4005064"/>
            <a:ext cx="6064215" cy="93610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99766" y="692696"/>
            <a:ext cx="6950750" cy="3909797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0668" y="1196752"/>
            <a:ext cx="4712611" cy="265084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110636" y="4725144"/>
            <a:ext cx="2592288" cy="194193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701924" y="5157192"/>
            <a:ext cx="4044183" cy="1248685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 bwMode="auto">
          <a:xfrm>
            <a:off x="7534572" y="1242632"/>
            <a:ext cx="4032448" cy="288032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534572" y="1436234"/>
            <a:ext cx="4149973" cy="270292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193737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/>
          <a:srcRect b="70569"/>
          <a:stretch/>
        </p:blipFill>
        <p:spPr>
          <a:xfrm>
            <a:off x="7186606" y="1052737"/>
            <a:ext cx="4176464" cy="1512168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4486" y="1196752"/>
            <a:ext cx="4503822" cy="25334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8985" y="764704"/>
            <a:ext cx="2854371" cy="158417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61764" y="4005064"/>
            <a:ext cx="3493803" cy="204637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92803" y="4365104"/>
            <a:ext cx="3437479" cy="1583760"/>
          </a:xfrm>
          <a:prstGeom prst="rect">
            <a:avLst/>
          </a:prstGeom>
        </p:spPr>
      </p:pic>
      <p:pic>
        <p:nvPicPr>
          <p:cNvPr id="1026" name="Picture 2" descr="https://media.discordapp.net/attachments/749588355506765857/753163960836161566/STTMALST-BRAINSTORM.jp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30516" y="2824034"/>
            <a:ext cx="5112568" cy="26211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7104403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3812" y="1239759"/>
            <a:ext cx="4176464" cy="2349261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02324" y="891930"/>
            <a:ext cx="6096851" cy="342947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91416" y="4797152"/>
            <a:ext cx="3835644" cy="181222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77788" y="3717032"/>
            <a:ext cx="4752528" cy="2435738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230316" y="4394203"/>
            <a:ext cx="2448272" cy="16857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3639172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TBML CONT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1804" y="1268760"/>
            <a:ext cx="4968552" cy="2794811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4221088"/>
            <a:ext cx="4464496" cy="251127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26581" y="1275224"/>
            <a:ext cx="5008391" cy="281722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98468" y="4509120"/>
            <a:ext cx="3955554" cy="12976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90875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9</Words>
  <Application>Microsoft Office PowerPoint</Application>
  <PresentationFormat>Custom</PresentationFormat>
  <Paragraphs>44</Paragraphs>
  <Slides>20</Slides>
  <Notes>4</Notes>
  <HiddenSlides>0</HiddenSlides>
  <MMClips>1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7" baseType="lpstr">
      <vt:lpstr>AU Passata Light</vt:lpstr>
      <vt:lpstr>AU Peto</vt:lpstr>
      <vt:lpstr>AU Passata</vt:lpstr>
      <vt:lpstr>Georgia</vt:lpstr>
      <vt:lpstr>Calibri</vt:lpstr>
      <vt:lpstr>Arial</vt:lpstr>
      <vt:lpstr>AU 16:9</vt:lpstr>
      <vt:lpstr>PowerPoint Presentation</vt:lpstr>
      <vt:lpstr>EXAM FORMAT and OUTLINE OF  COURSE CONTENT</vt:lpstr>
      <vt:lpstr>CENSOR</vt:lpstr>
      <vt:lpstr>EXAM </vt:lpstr>
      <vt:lpstr>MACHINE LEARNING for Health tech</vt:lpstr>
      <vt:lpstr>STTBML CONTENT</vt:lpstr>
      <vt:lpstr>STTBML CONTENT</vt:lpstr>
      <vt:lpstr>STTBML CONTENT</vt:lpstr>
      <vt:lpstr>STTBML CONTENT</vt:lpstr>
      <vt:lpstr>STTBML CONTENT</vt:lpstr>
      <vt:lpstr>STTBML CONTENT</vt:lpstr>
      <vt:lpstr>STTBML CONTENT</vt:lpstr>
      <vt:lpstr>STTBML CONTENT</vt:lpstr>
      <vt:lpstr>STTBML CONTENT</vt:lpstr>
      <vt:lpstr>STTBML CONTENT</vt:lpstr>
      <vt:lpstr>STTBML CONTENT</vt:lpstr>
      <vt:lpstr>STTBML CONTENT</vt:lpstr>
      <vt:lpstr>STTBML CONTENT</vt:lpstr>
      <vt:lpstr>STTBML CONTEN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1-26T12:18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